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1600" windowHeight="9690" tabRatio="807"/>
  </bookViews>
  <sheets>
    <sheet name="20-14" sheetId="28" r:id="rId1"/>
  </sheets>
  <definedNames>
    <definedName name="_xlnm.Print_Area" localSheetId="0">'20-14'!$A$1:$AO$14</definedName>
  </definedNames>
  <calcPr calcId="152511"/>
</workbook>
</file>

<file path=xl/calcChain.xml><?xml version="1.0" encoding="utf-8"?>
<calcChain xmlns="http://schemas.openxmlformats.org/spreadsheetml/2006/main">
  <c r="F10" i="28" l="1"/>
  <c r="E10" i="28"/>
</calcChain>
</file>

<file path=xl/sharedStrings.xml><?xml version="1.0" encoding="utf-8"?>
<sst xmlns="http://schemas.openxmlformats.org/spreadsheetml/2006/main" count="149" uniqueCount="51">
  <si>
    <t>佐久市</t>
    <rPh sb="0" eb="3">
      <t>サクシ</t>
    </rPh>
    <phoneticPr fontId="2"/>
  </si>
  <si>
    <t>（単位：人，％）</t>
    <rPh sb="1" eb="3">
      <t>タンイ</t>
    </rPh>
    <rPh sb="4" eb="5">
      <t>ヒト</t>
    </rPh>
    <phoneticPr fontId="2"/>
  </si>
  <si>
    <t>資料：学校基本調査（県単独調査）</t>
    <rPh sb="0" eb="2">
      <t>シリョウ</t>
    </rPh>
    <rPh sb="3" eb="5">
      <t>ガッコウ</t>
    </rPh>
    <rPh sb="5" eb="7">
      <t>キホン</t>
    </rPh>
    <rPh sb="7" eb="9">
      <t>チョウサ</t>
    </rPh>
    <rPh sb="10" eb="11">
      <t>ケン</t>
    </rPh>
    <rPh sb="11" eb="13">
      <t>タンドク</t>
    </rPh>
    <rPh sb="13" eb="15">
      <t>チョウサ</t>
    </rPh>
    <phoneticPr fontId="2"/>
  </si>
  <si>
    <t>就職者総数</t>
    <rPh sb="0" eb="3">
      <t>シュウショクシャ</t>
    </rPh>
    <rPh sb="3" eb="5">
      <t>ソウスウ</t>
    </rPh>
    <phoneticPr fontId="2"/>
  </si>
  <si>
    <t>市計</t>
    <rPh sb="0" eb="1">
      <t>シ</t>
    </rPh>
    <rPh sb="1" eb="2">
      <t>ケイ</t>
    </rPh>
    <phoneticPr fontId="2"/>
  </si>
  <si>
    <t>郡計</t>
    <rPh sb="0" eb="1">
      <t>グン</t>
    </rPh>
    <rPh sb="1" eb="2">
      <t>ケイ</t>
    </rPh>
    <phoneticPr fontId="2"/>
  </si>
  <si>
    <t>長野市</t>
    <rPh sb="0" eb="3">
      <t>ナガノシ</t>
    </rPh>
    <phoneticPr fontId="2"/>
  </si>
  <si>
    <t>松本市</t>
    <rPh sb="0" eb="3">
      <t>マツモトシ</t>
    </rPh>
    <phoneticPr fontId="2"/>
  </si>
  <si>
    <t>上田市</t>
    <rPh sb="0" eb="2">
      <t>ウエダ</t>
    </rPh>
    <rPh sb="2" eb="3">
      <t>シ</t>
    </rPh>
    <phoneticPr fontId="2"/>
  </si>
  <si>
    <t>岡谷市</t>
    <rPh sb="0" eb="3">
      <t>オカヤシ</t>
    </rPh>
    <phoneticPr fontId="2"/>
  </si>
  <si>
    <t>飯田市</t>
    <rPh sb="0" eb="3">
      <t>イイダシ</t>
    </rPh>
    <phoneticPr fontId="2"/>
  </si>
  <si>
    <t>諏訪市</t>
    <rPh sb="0" eb="3">
      <t>スワシ</t>
    </rPh>
    <phoneticPr fontId="2"/>
  </si>
  <si>
    <t>須坂市</t>
    <rPh sb="0" eb="3">
      <t>スザカシ</t>
    </rPh>
    <phoneticPr fontId="2"/>
  </si>
  <si>
    <t>小諸市</t>
    <rPh sb="0" eb="3">
      <t>コモロシ</t>
    </rPh>
    <phoneticPr fontId="2"/>
  </si>
  <si>
    <t>伊那市</t>
    <rPh sb="0" eb="3">
      <t>イナシ</t>
    </rPh>
    <phoneticPr fontId="2"/>
  </si>
  <si>
    <t>駒ヶ根市</t>
    <rPh sb="0" eb="4">
      <t>コマガネシ</t>
    </rPh>
    <phoneticPr fontId="2"/>
  </si>
  <si>
    <t>中野市</t>
    <rPh sb="0" eb="3">
      <t>ナカノシ</t>
    </rPh>
    <phoneticPr fontId="2"/>
  </si>
  <si>
    <t>大町市</t>
    <rPh sb="0" eb="3">
      <t>オオマチシ</t>
    </rPh>
    <phoneticPr fontId="2"/>
  </si>
  <si>
    <t>飯山市</t>
    <rPh sb="0" eb="3">
      <t>イイヤマシ</t>
    </rPh>
    <phoneticPr fontId="2"/>
  </si>
  <si>
    <t>茅野市</t>
    <rPh sb="0" eb="3">
      <t>チノシ</t>
    </rPh>
    <phoneticPr fontId="2"/>
  </si>
  <si>
    <t>塩尻市</t>
    <rPh sb="0" eb="3">
      <t>シオジリシ</t>
    </rPh>
    <phoneticPr fontId="2"/>
  </si>
  <si>
    <t>南佐久郡</t>
    <rPh sb="0" eb="4">
      <t>ミナミサクグン</t>
    </rPh>
    <phoneticPr fontId="2"/>
  </si>
  <si>
    <t>北佐久郡</t>
    <rPh sb="0" eb="4">
      <t>キタサクグン</t>
    </rPh>
    <phoneticPr fontId="2"/>
  </si>
  <si>
    <t>小県郡</t>
    <rPh sb="0" eb="3">
      <t>チイサガタグン</t>
    </rPh>
    <phoneticPr fontId="2"/>
  </si>
  <si>
    <t>上伊那郡</t>
    <rPh sb="0" eb="1">
      <t>カミ</t>
    </rPh>
    <rPh sb="1" eb="3">
      <t>イナ</t>
    </rPh>
    <rPh sb="3" eb="4">
      <t>グン</t>
    </rPh>
    <phoneticPr fontId="2"/>
  </si>
  <si>
    <t>下伊那郡</t>
    <rPh sb="0" eb="4">
      <t>シモイナグン</t>
    </rPh>
    <phoneticPr fontId="2"/>
  </si>
  <si>
    <t>木曽郡</t>
    <rPh sb="0" eb="3">
      <t>キソグン</t>
    </rPh>
    <phoneticPr fontId="2"/>
  </si>
  <si>
    <t>東筑摩郡</t>
    <rPh sb="0" eb="4">
      <t>ヒガシチクマグン</t>
    </rPh>
    <phoneticPr fontId="2"/>
  </si>
  <si>
    <t>南安曇郡</t>
    <rPh sb="0" eb="4">
      <t>ミナミアズミグン</t>
    </rPh>
    <phoneticPr fontId="2"/>
  </si>
  <si>
    <t>更級郡</t>
    <rPh sb="0" eb="3">
      <t>サラシナグン</t>
    </rPh>
    <phoneticPr fontId="2"/>
  </si>
  <si>
    <t>埴科郡</t>
    <rPh sb="1" eb="2">
      <t>カ</t>
    </rPh>
    <rPh sb="2" eb="3">
      <t>グン</t>
    </rPh>
    <phoneticPr fontId="2"/>
  </si>
  <si>
    <t>上高井郡</t>
    <rPh sb="0" eb="4">
      <t>カミタカイグン</t>
    </rPh>
    <phoneticPr fontId="2"/>
  </si>
  <si>
    <t>下高井郡</t>
    <rPh sb="0" eb="4">
      <t>シモタカイグン</t>
    </rPh>
    <phoneticPr fontId="2"/>
  </si>
  <si>
    <t>上水内郡</t>
    <rPh sb="0" eb="4">
      <t>カミミノチグン</t>
    </rPh>
    <phoneticPr fontId="2"/>
  </si>
  <si>
    <t>下水内郡</t>
    <rPh sb="0" eb="4">
      <t>シモミノチグン</t>
    </rPh>
    <phoneticPr fontId="2"/>
  </si>
  <si>
    <t>市</t>
    <rPh sb="0" eb="1">
      <t>シ</t>
    </rPh>
    <phoneticPr fontId="2"/>
  </si>
  <si>
    <t>郡</t>
    <rPh sb="0" eb="1">
      <t>グン</t>
    </rPh>
    <phoneticPr fontId="2"/>
  </si>
  <si>
    <t>－高等学校－</t>
    <rPh sb="1" eb="3">
      <t>コウトウ</t>
    </rPh>
    <rPh sb="3" eb="5">
      <t>ガッコウ</t>
    </rPh>
    <phoneticPr fontId="2"/>
  </si>
  <si>
    <t>県内就職者数</t>
    <rPh sb="0" eb="2">
      <t>ケンナイ</t>
    </rPh>
    <rPh sb="2" eb="4">
      <t>シュウショク</t>
    </rPh>
    <rPh sb="4" eb="5">
      <t>シャ</t>
    </rPh>
    <rPh sb="5" eb="6">
      <t>カズ</t>
    </rPh>
    <phoneticPr fontId="2"/>
  </si>
  <si>
    <t>県内就職率</t>
    <rPh sb="0" eb="2">
      <t>ケンナイ</t>
    </rPh>
    <rPh sb="2" eb="4">
      <t>シュウショク</t>
    </rPh>
    <rPh sb="4" eb="5">
      <t>リツ</t>
    </rPh>
    <phoneticPr fontId="2"/>
  </si>
  <si>
    <t>諏訪郡</t>
    <rPh sb="0" eb="2">
      <t>スワ</t>
    </rPh>
    <rPh sb="2" eb="3">
      <t>グン</t>
    </rPh>
    <phoneticPr fontId="2"/>
  </si>
  <si>
    <t>北安曇郡</t>
    <rPh sb="0" eb="1">
      <t>キタ</t>
    </rPh>
    <rPh sb="1" eb="3">
      <t>アズミ</t>
    </rPh>
    <rPh sb="3" eb="4">
      <t>グン</t>
    </rPh>
    <phoneticPr fontId="2"/>
  </si>
  <si>
    <t>千曲市</t>
    <rPh sb="0" eb="2">
      <t>チクマ</t>
    </rPh>
    <rPh sb="2" eb="3">
      <t>シ</t>
    </rPh>
    <phoneticPr fontId="2"/>
  </si>
  <si>
    <t>東御市</t>
    <rPh sb="0" eb="1">
      <t>ヒガシ</t>
    </rPh>
    <rPh sb="1" eb="2">
      <t>オン</t>
    </rPh>
    <rPh sb="2" eb="3">
      <t>シ</t>
    </rPh>
    <phoneticPr fontId="2"/>
  </si>
  <si>
    <t>注）就職者には就職進学者も含まれる。</t>
    <rPh sb="0" eb="1">
      <t>チュウ</t>
    </rPh>
    <rPh sb="2" eb="4">
      <t>シュウショク</t>
    </rPh>
    <rPh sb="4" eb="5">
      <t>シャ</t>
    </rPh>
    <rPh sb="7" eb="9">
      <t>シュウショク</t>
    </rPh>
    <rPh sb="9" eb="12">
      <t>シンガクシャ</t>
    </rPh>
    <rPh sb="13" eb="14">
      <t>フク</t>
    </rPh>
    <phoneticPr fontId="2"/>
  </si>
  <si>
    <t>20-14　卒業者の市郡別県内就職者数</t>
    <rPh sb="6" eb="9">
      <t>ソツギョウシャ</t>
    </rPh>
    <rPh sb="10" eb="11">
      <t>シ</t>
    </rPh>
    <rPh sb="11" eb="12">
      <t>グン</t>
    </rPh>
    <rPh sb="12" eb="13">
      <t>ベツ</t>
    </rPh>
    <rPh sb="13" eb="15">
      <t>ケンナイ</t>
    </rPh>
    <rPh sb="15" eb="18">
      <t>シュウショクシャ</t>
    </rPh>
    <rPh sb="18" eb="19">
      <t>カズ</t>
    </rPh>
    <phoneticPr fontId="2"/>
  </si>
  <si>
    <t>-</t>
    <phoneticPr fontId="2"/>
  </si>
  <si>
    <t>平成24年3月</t>
    <rPh sb="0" eb="2">
      <t>ヘイセイ</t>
    </rPh>
    <rPh sb="4" eb="5">
      <t>ネン</t>
    </rPh>
    <rPh sb="6" eb="7">
      <t>ガツ</t>
    </rPh>
    <phoneticPr fontId="2"/>
  </si>
  <si>
    <t>-</t>
  </si>
  <si>
    <t>安曇野市</t>
    <rPh sb="0" eb="3">
      <t>アズミノ</t>
    </rPh>
    <rPh sb="3" eb="4">
      <t>シ</t>
    </rPh>
    <phoneticPr fontId="2"/>
  </si>
  <si>
    <t>区分</t>
    <rPh sb="0" eb="2">
      <t>クブ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* #,##0;_ * \-#,##0;_ * &quot;-&quot;;_ @"/>
    <numFmt numFmtId="177" formatCode="_ * #,##0.0_ ;_ * \-#,##0.0_ ;_ * &quot;-&quot;?_ ;_ @_ "/>
  </numFmts>
  <fonts count="1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明朝"/>
      <family val="1"/>
      <charset val="128"/>
    </font>
    <font>
      <sz val="11"/>
      <name val="明朝"/>
      <family val="3"/>
      <charset val="128"/>
    </font>
    <font>
      <sz val="10"/>
      <name val="明朝"/>
      <family val="1"/>
      <charset val="128"/>
    </font>
    <font>
      <sz val="8"/>
      <name val="明朝"/>
      <family val="1"/>
      <charset val="128"/>
    </font>
    <font>
      <sz val="9"/>
      <name val="明朝"/>
      <family val="1"/>
      <charset val="128"/>
    </font>
    <font>
      <sz val="11"/>
      <name val="明朝"/>
      <family val="3"/>
      <charset val="128"/>
    </font>
    <font>
      <sz val="10"/>
      <name val="ＭＳ 明朝"/>
      <family val="1"/>
      <charset val="128"/>
    </font>
    <font>
      <sz val="10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8" fillId="0" borderId="0"/>
  </cellStyleXfs>
  <cellXfs count="46">
    <xf numFmtId="0" fontId="0" fillId="0" borderId="0" xfId="0"/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horizontal="right" vertical="center"/>
    </xf>
    <xf numFmtId="0" fontId="5" fillId="0" borderId="1" xfId="0" applyFont="1" applyBorder="1" applyAlignment="1">
      <alignment horizontal="center" vertical="center"/>
    </xf>
    <xf numFmtId="0" fontId="5" fillId="0" borderId="0" xfId="0" applyFont="1" applyAlignment="1">
      <alignment vertical="center"/>
    </xf>
    <xf numFmtId="49" fontId="3" fillId="0" borderId="0" xfId="0" applyNumberFormat="1" applyFont="1" applyAlignment="1">
      <alignment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9" fillId="0" borderId="4" xfId="2" applyNumberFormat="1" applyFont="1" applyBorder="1" applyAlignment="1">
      <alignment horizontal="right" vertical="center"/>
    </xf>
    <xf numFmtId="176" fontId="9" fillId="0" borderId="5" xfId="2" applyNumberFormat="1" applyFont="1" applyFill="1" applyBorder="1" applyAlignment="1">
      <alignment horizontal="right" vertical="center"/>
    </xf>
    <xf numFmtId="177" fontId="9" fillId="0" borderId="5" xfId="2" applyNumberFormat="1" applyFont="1" applyBorder="1" applyAlignment="1">
      <alignment horizontal="right" vertical="center"/>
    </xf>
    <xf numFmtId="176" fontId="9" fillId="0" borderId="5" xfId="2" applyNumberFormat="1" applyFont="1" applyBorder="1" applyAlignment="1">
      <alignment horizontal="right" vertical="center"/>
    </xf>
    <xf numFmtId="0" fontId="10" fillId="0" borderId="5" xfId="0" applyFont="1" applyBorder="1" applyAlignment="1">
      <alignment horizontal="center" vertical="center"/>
    </xf>
    <xf numFmtId="176" fontId="9" fillId="0" borderId="0" xfId="2" applyNumberFormat="1" applyFont="1" applyBorder="1" applyAlignment="1">
      <alignment horizontal="right" vertical="center"/>
    </xf>
    <xf numFmtId="176" fontId="9" fillId="0" borderId="0" xfId="2" applyNumberFormat="1" applyFont="1" applyFill="1" applyBorder="1" applyAlignment="1">
      <alignment horizontal="right" vertical="center"/>
    </xf>
    <xf numFmtId="177" fontId="9" fillId="0" borderId="0" xfId="2" applyNumberFormat="1" applyFont="1" applyBorder="1" applyAlignment="1">
      <alignment horizontal="right" vertical="center"/>
    </xf>
    <xf numFmtId="0" fontId="10" fillId="0" borderId="0" xfId="0" applyFont="1" applyBorder="1" applyAlignment="1">
      <alignment horizontal="center" vertical="center"/>
    </xf>
    <xf numFmtId="0" fontId="7" fillId="0" borderId="6" xfId="0" quotePrefix="1" applyFont="1" applyBorder="1" applyAlignment="1">
      <alignment horizontal="center" vertical="center"/>
    </xf>
    <xf numFmtId="38" fontId="5" fillId="0" borderId="5" xfId="1" applyFont="1" applyBorder="1" applyAlignment="1">
      <alignment horizontal="right" vertical="center"/>
    </xf>
    <xf numFmtId="0" fontId="5" fillId="0" borderId="0" xfId="1" applyNumberFormat="1" applyFont="1" applyBorder="1" applyAlignment="1">
      <alignment horizontal="right" vertical="center"/>
    </xf>
    <xf numFmtId="0" fontId="5" fillId="0" borderId="0" xfId="0" applyFont="1" applyBorder="1" applyAlignment="1">
      <alignment horizontal="center" vertical="center"/>
    </xf>
    <xf numFmtId="176" fontId="5" fillId="0" borderId="0" xfId="0" applyNumberFormat="1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 textRotation="255"/>
    </xf>
    <xf numFmtId="0" fontId="5" fillId="0" borderId="8" xfId="0" applyFont="1" applyBorder="1" applyAlignment="1">
      <alignment horizontal="center" vertical="center" textRotation="255"/>
    </xf>
    <xf numFmtId="0" fontId="5" fillId="0" borderId="9" xfId="0" applyFont="1" applyBorder="1" applyAlignment="1">
      <alignment horizontal="center" vertical="center" textRotation="255"/>
    </xf>
    <xf numFmtId="0" fontId="5" fillId="0" borderId="10" xfId="0" applyFont="1" applyBorder="1" applyAlignment="1">
      <alignment horizontal="center" vertical="center" textRotation="255"/>
    </xf>
    <xf numFmtId="0" fontId="5" fillId="0" borderId="9" xfId="0" applyFont="1" applyBorder="1" applyAlignment="1">
      <alignment vertical="center" textRotation="255"/>
    </xf>
    <xf numFmtId="0" fontId="5" fillId="0" borderId="10" xfId="0" applyFont="1" applyBorder="1" applyAlignment="1">
      <alignment vertical="center" textRotation="255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5" fillId="0" borderId="12" xfId="0" applyFont="1" applyBorder="1" applyAlignment="1">
      <alignment horizontal="center" vertical="center" wrapText="1"/>
    </xf>
    <xf numFmtId="0" fontId="6" fillId="0" borderId="13" xfId="0" applyFont="1" applyBorder="1" applyAlignment="1">
      <alignment horizontal="center" vertical="center" textRotation="255"/>
    </xf>
    <xf numFmtId="0" fontId="6" fillId="0" borderId="7" xfId="0" applyFont="1" applyBorder="1" applyAlignment="1">
      <alignment horizontal="center" vertical="center" textRotation="255"/>
    </xf>
    <xf numFmtId="0" fontId="6" fillId="0" borderId="14" xfId="0" applyFont="1" applyBorder="1" applyAlignment="1">
      <alignment horizontal="center" vertical="center" textRotation="255"/>
    </xf>
    <xf numFmtId="0" fontId="6" fillId="0" borderId="15" xfId="0" applyFont="1" applyBorder="1" applyAlignment="1">
      <alignment horizontal="center" vertical="center" textRotation="255"/>
    </xf>
    <xf numFmtId="0" fontId="6" fillId="0" borderId="10" xfId="0" applyFont="1" applyBorder="1" applyAlignment="1">
      <alignment horizontal="center" vertical="center" textRotation="255"/>
    </xf>
    <xf numFmtId="0" fontId="6" fillId="0" borderId="14" xfId="0" applyFont="1" applyBorder="1" applyAlignment="1">
      <alignment horizontal="center" vertical="center" textRotation="255" wrapText="1"/>
    </xf>
    <xf numFmtId="0" fontId="6" fillId="0" borderId="15" xfId="0" applyFont="1" applyBorder="1" applyAlignment="1">
      <alignment horizontal="center" vertical="center" textRotation="255" wrapText="1"/>
    </xf>
    <xf numFmtId="0" fontId="6" fillId="0" borderId="10" xfId="0" applyFont="1" applyBorder="1" applyAlignment="1">
      <alignment horizontal="center" vertical="center" textRotation="255" wrapText="1"/>
    </xf>
    <xf numFmtId="0" fontId="5" fillId="0" borderId="13" xfId="0" applyFont="1" applyBorder="1" applyAlignment="1">
      <alignment horizontal="center" vertical="center" textRotation="255"/>
    </xf>
    <xf numFmtId="0" fontId="5" fillId="0" borderId="14" xfId="0" applyFont="1" applyBorder="1" applyAlignment="1">
      <alignment horizontal="center" vertical="center" textRotation="255"/>
    </xf>
    <xf numFmtId="0" fontId="5" fillId="0" borderId="15" xfId="0" applyFont="1" applyBorder="1" applyAlignment="1">
      <alignment horizontal="center" vertical="center" textRotation="255"/>
    </xf>
  </cellXfs>
  <cellStyles count="3">
    <cellStyle name="桁区切り" xfId="1" builtinId="6"/>
    <cellStyle name="標準" xfId="0" builtinId="0"/>
    <cellStyle name="標準_第１２０表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AO14"/>
  <sheetViews>
    <sheetView tabSelected="1" zoomScaleNormal="100" zoomScaleSheetLayoutView="100" workbookViewId="0">
      <pane ySplit="4" topLeftCell="A5" activePane="bottomLeft" state="frozen"/>
      <selection pane="bottomLeft"/>
    </sheetView>
  </sheetViews>
  <sheetFormatPr defaultRowHeight="13.5"/>
  <cols>
    <col min="1" max="1" width="9.75" style="2" customWidth="1"/>
    <col min="2" max="2" width="4.625" style="2" customWidth="1"/>
    <col min="3" max="3" width="5.875" style="2" customWidth="1"/>
    <col min="4" max="4" width="6.875" style="2" customWidth="1"/>
    <col min="5" max="6" width="4.625" style="2" customWidth="1"/>
    <col min="7" max="18" width="4.25" style="2" customWidth="1"/>
    <col min="19" max="33" width="3.875" style="2" customWidth="1"/>
    <col min="34" max="34" width="3.875" style="2" hidden="1" customWidth="1"/>
    <col min="35" max="35" width="3.875" style="2" customWidth="1"/>
    <col min="36" max="36" width="3.875" style="2" hidden="1" customWidth="1"/>
    <col min="37" max="41" width="3.875" style="2" customWidth="1"/>
    <col min="42" max="16384" width="9" style="2"/>
  </cols>
  <sheetData>
    <row r="1" spans="1:41" ht="18.75" customHeight="1" thickBot="1">
      <c r="A1" s="1" t="s">
        <v>45</v>
      </c>
      <c r="I1" s="6" t="s">
        <v>37</v>
      </c>
      <c r="AO1" s="3" t="s">
        <v>1</v>
      </c>
    </row>
    <row r="2" spans="1:41" ht="17.25" customHeight="1">
      <c r="A2" s="32" t="s">
        <v>50</v>
      </c>
      <c r="B2" s="35" t="s">
        <v>3</v>
      </c>
      <c r="C2" s="37" t="s">
        <v>38</v>
      </c>
      <c r="D2" s="40" t="s">
        <v>39</v>
      </c>
      <c r="E2" s="43" t="s">
        <v>4</v>
      </c>
      <c r="F2" s="44" t="s">
        <v>5</v>
      </c>
      <c r="G2" s="7"/>
      <c r="H2" s="8"/>
      <c r="I2" s="8"/>
      <c r="J2" s="8"/>
      <c r="K2" s="8"/>
      <c r="L2" s="8"/>
      <c r="M2" s="8"/>
      <c r="N2" s="8"/>
      <c r="O2" s="8" t="s">
        <v>35</v>
      </c>
      <c r="P2" s="8"/>
      <c r="Q2" s="8"/>
      <c r="R2" s="8"/>
      <c r="S2" s="8"/>
      <c r="T2" s="8"/>
      <c r="U2" s="8"/>
      <c r="V2" s="8"/>
      <c r="W2" s="8"/>
      <c r="X2" s="8"/>
      <c r="Y2" s="4"/>
      <c r="Z2" s="30" t="s">
        <v>36</v>
      </c>
      <c r="AA2" s="31"/>
      <c r="AB2" s="31"/>
      <c r="AC2" s="31"/>
      <c r="AD2" s="31"/>
      <c r="AE2" s="31"/>
      <c r="AF2" s="31"/>
      <c r="AG2" s="31"/>
      <c r="AH2" s="31"/>
      <c r="AI2" s="31"/>
      <c r="AJ2" s="31"/>
      <c r="AK2" s="31"/>
      <c r="AL2" s="31"/>
      <c r="AM2" s="31"/>
      <c r="AN2" s="31"/>
      <c r="AO2" s="31"/>
    </row>
    <row r="3" spans="1:41" ht="17.25" customHeight="1">
      <c r="A3" s="33"/>
      <c r="B3" s="36"/>
      <c r="C3" s="38"/>
      <c r="D3" s="41"/>
      <c r="E3" s="24"/>
      <c r="F3" s="45"/>
      <c r="G3" s="24" t="s">
        <v>6</v>
      </c>
      <c r="H3" s="24" t="s">
        <v>7</v>
      </c>
      <c r="I3" s="24" t="s">
        <v>8</v>
      </c>
      <c r="J3" s="24" t="s">
        <v>9</v>
      </c>
      <c r="K3" s="24" t="s">
        <v>10</v>
      </c>
      <c r="L3" s="24" t="s">
        <v>11</v>
      </c>
      <c r="M3" s="24" t="s">
        <v>12</v>
      </c>
      <c r="N3" s="24" t="s">
        <v>13</v>
      </c>
      <c r="O3" s="24" t="s">
        <v>14</v>
      </c>
      <c r="P3" s="24" t="s">
        <v>15</v>
      </c>
      <c r="Q3" s="24" t="s">
        <v>16</v>
      </c>
      <c r="R3" s="25" t="s">
        <v>17</v>
      </c>
      <c r="S3" s="24" t="s">
        <v>18</v>
      </c>
      <c r="T3" s="24" t="s">
        <v>19</v>
      </c>
      <c r="U3" s="24" t="s">
        <v>20</v>
      </c>
      <c r="V3" s="24" t="s">
        <v>0</v>
      </c>
      <c r="W3" s="28" t="s">
        <v>42</v>
      </c>
      <c r="X3" s="28" t="s">
        <v>43</v>
      </c>
      <c r="Y3" s="26" t="s">
        <v>49</v>
      </c>
      <c r="Z3" s="24" t="s">
        <v>21</v>
      </c>
      <c r="AA3" s="24" t="s">
        <v>22</v>
      </c>
      <c r="AB3" s="24" t="s">
        <v>23</v>
      </c>
      <c r="AC3" s="24" t="s">
        <v>40</v>
      </c>
      <c r="AD3" s="24" t="s">
        <v>24</v>
      </c>
      <c r="AE3" s="24" t="s">
        <v>25</v>
      </c>
      <c r="AF3" s="24" t="s">
        <v>26</v>
      </c>
      <c r="AG3" s="24" t="s">
        <v>27</v>
      </c>
      <c r="AH3" s="24" t="s">
        <v>28</v>
      </c>
      <c r="AI3" s="26" t="s">
        <v>41</v>
      </c>
      <c r="AJ3" s="24" t="s">
        <v>29</v>
      </c>
      <c r="AK3" s="24" t="s">
        <v>30</v>
      </c>
      <c r="AL3" s="24" t="s">
        <v>31</v>
      </c>
      <c r="AM3" s="24" t="s">
        <v>32</v>
      </c>
      <c r="AN3" s="24" t="s">
        <v>33</v>
      </c>
      <c r="AO3" s="25" t="s">
        <v>34</v>
      </c>
    </row>
    <row r="4" spans="1:41" ht="38.25" customHeight="1">
      <c r="A4" s="34"/>
      <c r="B4" s="36"/>
      <c r="C4" s="39"/>
      <c r="D4" s="42"/>
      <c r="E4" s="24"/>
      <c r="F4" s="27"/>
      <c r="G4" s="24"/>
      <c r="H4" s="24"/>
      <c r="I4" s="24"/>
      <c r="J4" s="24"/>
      <c r="K4" s="24"/>
      <c r="L4" s="24"/>
      <c r="M4" s="24"/>
      <c r="N4" s="24"/>
      <c r="O4" s="24"/>
      <c r="P4" s="24"/>
      <c r="Q4" s="24"/>
      <c r="R4" s="25"/>
      <c r="S4" s="24"/>
      <c r="T4" s="24"/>
      <c r="U4" s="24"/>
      <c r="V4" s="24"/>
      <c r="W4" s="29"/>
      <c r="X4" s="29"/>
      <c r="Y4" s="27"/>
      <c r="Z4" s="24"/>
      <c r="AA4" s="24"/>
      <c r="AB4" s="24"/>
      <c r="AC4" s="24"/>
      <c r="AD4" s="24"/>
      <c r="AE4" s="24"/>
      <c r="AF4" s="24"/>
      <c r="AG4" s="24"/>
      <c r="AH4" s="24"/>
      <c r="AI4" s="27"/>
      <c r="AJ4" s="24"/>
      <c r="AK4" s="24"/>
      <c r="AL4" s="24"/>
      <c r="AM4" s="24"/>
      <c r="AN4" s="24"/>
      <c r="AO4" s="25"/>
    </row>
    <row r="5" spans="1:41" s="9" customFormat="1" ht="41.25" customHeight="1">
      <c r="A5" s="19" t="s">
        <v>47</v>
      </c>
      <c r="B5" s="10">
        <v>136</v>
      </c>
      <c r="C5" s="11">
        <v>129</v>
      </c>
      <c r="D5" s="12">
        <v>94.9</v>
      </c>
      <c r="E5" s="13">
        <v>98</v>
      </c>
      <c r="F5" s="14">
        <v>31</v>
      </c>
      <c r="G5" s="13">
        <v>9</v>
      </c>
      <c r="H5" s="13">
        <v>0</v>
      </c>
      <c r="I5" s="13">
        <v>6</v>
      </c>
      <c r="J5" s="13">
        <v>0</v>
      </c>
      <c r="K5" s="13">
        <v>1</v>
      </c>
      <c r="L5" s="13">
        <v>0</v>
      </c>
      <c r="M5" s="13">
        <v>0</v>
      </c>
      <c r="N5" s="13">
        <v>21</v>
      </c>
      <c r="O5" s="13">
        <v>0</v>
      </c>
      <c r="P5" s="13">
        <v>0</v>
      </c>
      <c r="Q5" s="13">
        <v>0</v>
      </c>
      <c r="R5" s="13">
        <v>0</v>
      </c>
      <c r="S5" s="13">
        <v>0</v>
      </c>
      <c r="T5" s="13">
        <v>0</v>
      </c>
      <c r="U5" s="13">
        <v>0</v>
      </c>
      <c r="V5" s="13">
        <v>49</v>
      </c>
      <c r="W5" s="13">
        <v>0</v>
      </c>
      <c r="X5" s="13">
        <v>11</v>
      </c>
      <c r="Y5" s="13">
        <v>1</v>
      </c>
      <c r="Z5" s="13">
        <v>10</v>
      </c>
      <c r="AA5" s="13">
        <v>20</v>
      </c>
      <c r="AB5" s="13">
        <v>0</v>
      </c>
      <c r="AC5" s="13">
        <v>0</v>
      </c>
      <c r="AD5" s="13">
        <v>0</v>
      </c>
      <c r="AE5" s="13">
        <v>1</v>
      </c>
      <c r="AF5" s="13">
        <v>0</v>
      </c>
      <c r="AG5" s="13">
        <v>0</v>
      </c>
      <c r="AH5" s="13">
        <v>0</v>
      </c>
      <c r="AI5" s="13">
        <v>0</v>
      </c>
      <c r="AJ5" s="13">
        <v>0</v>
      </c>
      <c r="AK5" s="13">
        <v>0</v>
      </c>
      <c r="AL5" s="13">
        <v>0</v>
      </c>
      <c r="AM5" s="13">
        <v>0</v>
      </c>
      <c r="AN5" s="20" t="s">
        <v>46</v>
      </c>
      <c r="AO5" s="20" t="s">
        <v>46</v>
      </c>
    </row>
    <row r="6" spans="1:41" s="9" customFormat="1" ht="41.25" customHeight="1">
      <c r="A6" s="19">
        <v>25</v>
      </c>
      <c r="B6" s="15">
        <v>150</v>
      </c>
      <c r="C6" s="16">
        <v>139</v>
      </c>
      <c r="D6" s="17">
        <v>92.7</v>
      </c>
      <c r="E6" s="15">
        <v>107</v>
      </c>
      <c r="F6" s="18">
        <v>32</v>
      </c>
      <c r="G6" s="15">
        <v>7</v>
      </c>
      <c r="H6" s="15">
        <v>2</v>
      </c>
      <c r="I6" s="15">
        <v>11</v>
      </c>
      <c r="J6" s="15">
        <v>0</v>
      </c>
      <c r="K6" s="15">
        <v>0</v>
      </c>
      <c r="L6" s="15">
        <v>1</v>
      </c>
      <c r="M6" s="15">
        <v>1</v>
      </c>
      <c r="N6" s="15">
        <v>15</v>
      </c>
      <c r="O6" s="15">
        <v>0</v>
      </c>
      <c r="P6" s="15">
        <v>0</v>
      </c>
      <c r="Q6" s="15">
        <v>0</v>
      </c>
      <c r="R6" s="15">
        <v>0</v>
      </c>
      <c r="S6" s="15">
        <v>0</v>
      </c>
      <c r="T6" s="15">
        <v>0</v>
      </c>
      <c r="U6" s="15">
        <v>0</v>
      </c>
      <c r="V6" s="15">
        <v>65</v>
      </c>
      <c r="W6" s="15">
        <v>0</v>
      </c>
      <c r="X6" s="15">
        <v>5</v>
      </c>
      <c r="Y6" s="15">
        <v>0</v>
      </c>
      <c r="Z6" s="15">
        <v>5</v>
      </c>
      <c r="AA6" s="15">
        <v>21</v>
      </c>
      <c r="AB6" s="15">
        <v>3</v>
      </c>
      <c r="AC6" s="15">
        <v>0</v>
      </c>
      <c r="AD6" s="15">
        <v>0</v>
      </c>
      <c r="AE6" s="15">
        <v>0</v>
      </c>
      <c r="AF6" s="15">
        <v>0</v>
      </c>
      <c r="AG6" s="15">
        <v>0</v>
      </c>
      <c r="AH6" s="15">
        <v>0</v>
      </c>
      <c r="AI6" s="15">
        <v>0</v>
      </c>
      <c r="AJ6" s="15">
        <v>0</v>
      </c>
      <c r="AK6" s="15">
        <v>3</v>
      </c>
      <c r="AL6" s="15">
        <v>0</v>
      </c>
      <c r="AM6" s="15">
        <v>0</v>
      </c>
      <c r="AN6" s="21" t="s">
        <v>48</v>
      </c>
      <c r="AO6" s="21" t="s">
        <v>48</v>
      </c>
    </row>
    <row r="7" spans="1:41" s="9" customFormat="1" ht="41.25" customHeight="1">
      <c r="A7" s="19">
        <v>26</v>
      </c>
      <c r="B7" s="15">
        <v>178</v>
      </c>
      <c r="C7" s="16">
        <v>164</v>
      </c>
      <c r="D7" s="17">
        <v>92.1</v>
      </c>
      <c r="E7" s="15">
        <v>115</v>
      </c>
      <c r="F7" s="18">
        <v>49</v>
      </c>
      <c r="G7" s="15">
        <v>9</v>
      </c>
      <c r="H7" s="15">
        <v>1</v>
      </c>
      <c r="I7" s="15">
        <v>20</v>
      </c>
      <c r="J7" s="15">
        <v>0</v>
      </c>
      <c r="K7" s="15">
        <v>1</v>
      </c>
      <c r="L7" s="15">
        <v>1</v>
      </c>
      <c r="M7" s="15">
        <v>0</v>
      </c>
      <c r="N7" s="15">
        <v>18</v>
      </c>
      <c r="O7" s="15">
        <v>0</v>
      </c>
      <c r="P7" s="15">
        <v>0</v>
      </c>
      <c r="Q7" s="15">
        <v>0</v>
      </c>
      <c r="R7" s="15">
        <v>0</v>
      </c>
      <c r="S7" s="15">
        <v>0</v>
      </c>
      <c r="T7" s="15">
        <v>1</v>
      </c>
      <c r="U7" s="15">
        <v>1</v>
      </c>
      <c r="V7" s="15">
        <v>55</v>
      </c>
      <c r="W7" s="15">
        <v>1</v>
      </c>
      <c r="X7" s="15">
        <v>7</v>
      </c>
      <c r="Y7" s="15">
        <v>0</v>
      </c>
      <c r="Z7" s="15">
        <v>11</v>
      </c>
      <c r="AA7" s="15">
        <v>38</v>
      </c>
      <c r="AB7" s="15">
        <v>0</v>
      </c>
      <c r="AC7" s="15">
        <v>0</v>
      </c>
      <c r="AD7" s="15">
        <v>0</v>
      </c>
      <c r="AE7" s="15">
        <v>0</v>
      </c>
      <c r="AF7" s="15">
        <v>0</v>
      </c>
      <c r="AG7" s="15">
        <v>0</v>
      </c>
      <c r="AH7" s="15">
        <v>0</v>
      </c>
      <c r="AI7" s="15">
        <v>0</v>
      </c>
      <c r="AJ7" s="15">
        <v>0</v>
      </c>
      <c r="AK7" s="15">
        <v>0</v>
      </c>
      <c r="AL7" s="15">
        <v>0</v>
      </c>
      <c r="AM7" s="15">
        <v>0</v>
      </c>
      <c r="AN7" s="21" t="s">
        <v>48</v>
      </c>
      <c r="AO7" s="21" t="s">
        <v>48</v>
      </c>
    </row>
    <row r="8" spans="1:41" s="9" customFormat="1" ht="41.25" customHeight="1">
      <c r="A8" s="19">
        <v>27</v>
      </c>
      <c r="B8" s="15">
        <v>199</v>
      </c>
      <c r="C8" s="16">
        <v>183</v>
      </c>
      <c r="D8" s="17">
        <v>92</v>
      </c>
      <c r="E8" s="15">
        <v>146</v>
      </c>
      <c r="F8" s="22">
        <v>37</v>
      </c>
      <c r="G8" s="15">
        <v>19</v>
      </c>
      <c r="H8" s="15">
        <v>2</v>
      </c>
      <c r="I8" s="15">
        <v>11</v>
      </c>
      <c r="J8" s="15" t="s">
        <v>46</v>
      </c>
      <c r="K8" s="15" t="s">
        <v>46</v>
      </c>
      <c r="L8" s="15" t="s">
        <v>46</v>
      </c>
      <c r="M8" s="15" t="s">
        <v>46</v>
      </c>
      <c r="N8" s="15">
        <v>22</v>
      </c>
      <c r="O8" s="15" t="s">
        <v>46</v>
      </c>
      <c r="P8" s="15" t="s">
        <v>46</v>
      </c>
      <c r="Q8" s="15" t="s">
        <v>46</v>
      </c>
      <c r="R8" s="15" t="s">
        <v>46</v>
      </c>
      <c r="S8" s="15" t="s">
        <v>46</v>
      </c>
      <c r="T8" s="15">
        <v>1</v>
      </c>
      <c r="U8" s="15" t="s">
        <v>46</v>
      </c>
      <c r="V8" s="15">
        <v>80</v>
      </c>
      <c r="W8" s="15" t="s">
        <v>46</v>
      </c>
      <c r="X8" s="15">
        <v>10</v>
      </c>
      <c r="Y8" s="15">
        <v>1</v>
      </c>
      <c r="Z8" s="15">
        <v>9</v>
      </c>
      <c r="AA8" s="15">
        <v>28</v>
      </c>
      <c r="AB8" s="15" t="s">
        <v>46</v>
      </c>
      <c r="AC8" s="15" t="s">
        <v>46</v>
      </c>
      <c r="AD8" s="15" t="s">
        <v>46</v>
      </c>
      <c r="AE8" s="15" t="s">
        <v>46</v>
      </c>
      <c r="AF8" s="15" t="s">
        <v>46</v>
      </c>
      <c r="AG8" s="15" t="s">
        <v>46</v>
      </c>
      <c r="AH8" s="15" t="s">
        <v>46</v>
      </c>
      <c r="AI8" s="15" t="s">
        <v>46</v>
      </c>
      <c r="AJ8" s="15" t="s">
        <v>46</v>
      </c>
      <c r="AK8" s="15" t="s">
        <v>46</v>
      </c>
      <c r="AL8" s="15" t="s">
        <v>46</v>
      </c>
      <c r="AM8" s="15" t="s">
        <v>46</v>
      </c>
      <c r="AN8" s="21" t="s">
        <v>46</v>
      </c>
      <c r="AO8" s="21" t="s">
        <v>46</v>
      </c>
    </row>
    <row r="9" spans="1:41" s="9" customFormat="1" ht="41.25" customHeight="1">
      <c r="A9" s="19">
        <v>28</v>
      </c>
      <c r="B9" s="15">
        <v>161</v>
      </c>
      <c r="C9" s="16">
        <v>151</v>
      </c>
      <c r="D9" s="17">
        <v>93.8</v>
      </c>
      <c r="E9" s="15">
        <v>117</v>
      </c>
      <c r="F9" s="22">
        <v>34</v>
      </c>
      <c r="G9" s="15">
        <v>16</v>
      </c>
      <c r="H9" s="15">
        <v>2</v>
      </c>
      <c r="I9" s="15">
        <v>10</v>
      </c>
      <c r="J9" s="15" t="s">
        <v>46</v>
      </c>
      <c r="K9" s="15" t="s">
        <v>46</v>
      </c>
      <c r="L9" s="15" t="s">
        <v>46</v>
      </c>
      <c r="M9" s="15" t="s">
        <v>46</v>
      </c>
      <c r="N9" s="15">
        <v>17</v>
      </c>
      <c r="O9" s="15" t="s">
        <v>46</v>
      </c>
      <c r="P9" s="15" t="s">
        <v>46</v>
      </c>
      <c r="Q9" s="15" t="s">
        <v>46</v>
      </c>
      <c r="R9" s="15" t="s">
        <v>46</v>
      </c>
      <c r="S9" s="15" t="s">
        <v>46</v>
      </c>
      <c r="T9" s="15" t="s">
        <v>46</v>
      </c>
      <c r="U9" s="15" t="s">
        <v>46</v>
      </c>
      <c r="V9" s="15">
        <v>66</v>
      </c>
      <c r="W9" s="15">
        <v>1</v>
      </c>
      <c r="X9" s="15">
        <v>5</v>
      </c>
      <c r="Y9" s="15" t="s">
        <v>46</v>
      </c>
      <c r="Z9" s="15">
        <v>10</v>
      </c>
      <c r="AA9" s="15">
        <v>24</v>
      </c>
      <c r="AB9" s="15" t="s">
        <v>46</v>
      </c>
      <c r="AC9" s="15" t="s">
        <v>46</v>
      </c>
      <c r="AD9" s="15" t="s">
        <v>46</v>
      </c>
      <c r="AE9" s="15" t="s">
        <v>46</v>
      </c>
      <c r="AF9" s="15" t="s">
        <v>46</v>
      </c>
      <c r="AG9" s="15" t="s">
        <v>46</v>
      </c>
      <c r="AH9" s="15" t="s">
        <v>46</v>
      </c>
      <c r="AI9" s="15" t="s">
        <v>46</v>
      </c>
      <c r="AJ9" s="15" t="s">
        <v>46</v>
      </c>
      <c r="AK9" s="15" t="s">
        <v>46</v>
      </c>
      <c r="AL9" s="15" t="s">
        <v>46</v>
      </c>
      <c r="AM9" s="15" t="s">
        <v>46</v>
      </c>
      <c r="AN9" s="21" t="s">
        <v>46</v>
      </c>
      <c r="AO9" s="21" t="s">
        <v>46</v>
      </c>
    </row>
    <row r="10" spans="1:41" s="9" customFormat="1" ht="41.25" customHeight="1">
      <c r="A10" s="19">
        <v>29</v>
      </c>
      <c r="B10" s="15">
        <v>156</v>
      </c>
      <c r="C10" s="16">
        <v>137</v>
      </c>
      <c r="D10" s="17">
        <v>87.8</v>
      </c>
      <c r="E10" s="15">
        <f>SUM(G10:Y10)</f>
        <v>109</v>
      </c>
      <c r="F10" s="23">
        <f>SUM(Z10:AO10)</f>
        <v>28</v>
      </c>
      <c r="G10" s="15">
        <v>9</v>
      </c>
      <c r="H10" s="15">
        <v>0</v>
      </c>
      <c r="I10" s="15">
        <v>5</v>
      </c>
      <c r="J10" s="15">
        <v>0</v>
      </c>
      <c r="K10" s="15">
        <v>0</v>
      </c>
      <c r="L10" s="15">
        <v>0</v>
      </c>
      <c r="M10" s="15">
        <v>0</v>
      </c>
      <c r="N10" s="15">
        <v>19</v>
      </c>
      <c r="O10" s="15">
        <v>0</v>
      </c>
      <c r="P10" s="15">
        <v>0</v>
      </c>
      <c r="Q10" s="15">
        <v>0</v>
      </c>
      <c r="R10" s="15">
        <v>0</v>
      </c>
      <c r="S10" s="15">
        <v>0</v>
      </c>
      <c r="T10" s="15">
        <v>0</v>
      </c>
      <c r="U10" s="15">
        <v>0</v>
      </c>
      <c r="V10" s="15">
        <v>69</v>
      </c>
      <c r="W10" s="15">
        <v>0</v>
      </c>
      <c r="X10" s="15">
        <v>7</v>
      </c>
      <c r="Y10" s="15">
        <v>0</v>
      </c>
      <c r="Z10" s="15">
        <v>6</v>
      </c>
      <c r="AA10" s="15">
        <v>22</v>
      </c>
      <c r="AB10" s="15" t="s">
        <v>46</v>
      </c>
      <c r="AC10" s="15" t="s">
        <v>46</v>
      </c>
      <c r="AD10" s="15" t="s">
        <v>46</v>
      </c>
      <c r="AE10" s="15" t="s">
        <v>46</v>
      </c>
      <c r="AF10" s="15" t="s">
        <v>46</v>
      </c>
      <c r="AG10" s="15" t="s">
        <v>46</v>
      </c>
      <c r="AH10" s="15" t="s">
        <v>46</v>
      </c>
      <c r="AI10" s="15" t="s">
        <v>46</v>
      </c>
      <c r="AJ10" s="15" t="s">
        <v>46</v>
      </c>
      <c r="AK10" s="15" t="s">
        <v>46</v>
      </c>
      <c r="AL10" s="15" t="s">
        <v>46</v>
      </c>
      <c r="AM10" s="15" t="s">
        <v>46</v>
      </c>
      <c r="AN10" s="21" t="s">
        <v>46</v>
      </c>
      <c r="AO10" s="21" t="s">
        <v>46</v>
      </c>
    </row>
    <row r="11" spans="1:41" s="9" customFormat="1" ht="41.25" customHeight="1">
      <c r="A11" s="19">
        <v>30</v>
      </c>
      <c r="B11" s="15">
        <v>162</v>
      </c>
      <c r="C11" s="16">
        <v>146</v>
      </c>
      <c r="D11" s="17">
        <v>90.1</v>
      </c>
      <c r="E11" s="15">
        <v>115</v>
      </c>
      <c r="F11" s="23">
        <v>31</v>
      </c>
      <c r="G11" s="15">
        <v>13</v>
      </c>
      <c r="H11" s="15">
        <v>2</v>
      </c>
      <c r="I11" s="15">
        <v>2</v>
      </c>
      <c r="J11" s="15">
        <v>0</v>
      </c>
      <c r="K11" s="15">
        <v>0</v>
      </c>
      <c r="L11" s="15">
        <v>1</v>
      </c>
      <c r="M11" s="15">
        <v>0</v>
      </c>
      <c r="N11" s="15">
        <v>22</v>
      </c>
      <c r="O11" s="15">
        <v>0</v>
      </c>
      <c r="P11" s="15">
        <v>0</v>
      </c>
      <c r="Q11" s="15">
        <v>0</v>
      </c>
      <c r="R11" s="15">
        <v>0</v>
      </c>
      <c r="S11" s="15">
        <v>0</v>
      </c>
      <c r="T11" s="15">
        <v>0</v>
      </c>
      <c r="U11" s="15">
        <v>0</v>
      </c>
      <c r="V11" s="15">
        <v>68</v>
      </c>
      <c r="W11" s="15">
        <v>0</v>
      </c>
      <c r="X11" s="15">
        <v>7</v>
      </c>
      <c r="Y11" s="15">
        <v>0</v>
      </c>
      <c r="Z11" s="15">
        <v>3</v>
      </c>
      <c r="AA11" s="15">
        <v>27</v>
      </c>
      <c r="AB11" s="15" t="s">
        <v>46</v>
      </c>
      <c r="AC11" s="15" t="s">
        <v>46</v>
      </c>
      <c r="AD11" s="15" t="s">
        <v>46</v>
      </c>
      <c r="AE11" s="15" t="s">
        <v>46</v>
      </c>
      <c r="AF11" s="15" t="s">
        <v>46</v>
      </c>
      <c r="AG11" s="15" t="s">
        <v>46</v>
      </c>
      <c r="AH11" s="15" t="s">
        <v>46</v>
      </c>
      <c r="AI11" s="15" t="s">
        <v>46</v>
      </c>
      <c r="AJ11" s="15" t="s">
        <v>46</v>
      </c>
      <c r="AK11" s="15" t="s">
        <v>46</v>
      </c>
      <c r="AL11" s="15">
        <v>1</v>
      </c>
      <c r="AM11" s="15" t="s">
        <v>46</v>
      </c>
      <c r="AN11" s="21" t="s">
        <v>46</v>
      </c>
      <c r="AO11" s="21" t="s">
        <v>46</v>
      </c>
    </row>
    <row r="12" spans="1:41" s="9" customFormat="1" ht="41.25" customHeight="1">
      <c r="A12" s="19">
        <v>31</v>
      </c>
      <c r="B12" s="15">
        <v>137</v>
      </c>
      <c r="C12" s="16">
        <v>128</v>
      </c>
      <c r="D12" s="17">
        <v>93.4</v>
      </c>
      <c r="E12" s="15">
        <v>109</v>
      </c>
      <c r="F12" s="23">
        <v>19</v>
      </c>
      <c r="G12" s="15">
        <v>12</v>
      </c>
      <c r="H12" s="15">
        <v>3</v>
      </c>
      <c r="I12" s="15">
        <v>6</v>
      </c>
      <c r="J12" s="15">
        <v>0</v>
      </c>
      <c r="K12" s="15">
        <v>0</v>
      </c>
      <c r="L12" s="15" t="s">
        <v>46</v>
      </c>
      <c r="M12" s="15">
        <v>0</v>
      </c>
      <c r="N12" s="15">
        <v>20</v>
      </c>
      <c r="O12" s="15">
        <v>0</v>
      </c>
      <c r="P12" s="15">
        <v>0</v>
      </c>
      <c r="Q12" s="15">
        <v>0</v>
      </c>
      <c r="R12" s="15">
        <v>0</v>
      </c>
      <c r="S12" s="15">
        <v>0</v>
      </c>
      <c r="T12" s="15">
        <v>0</v>
      </c>
      <c r="U12" s="15">
        <v>0</v>
      </c>
      <c r="V12" s="15">
        <v>66</v>
      </c>
      <c r="W12" s="15" t="s">
        <v>46</v>
      </c>
      <c r="X12" s="15">
        <v>2</v>
      </c>
      <c r="Y12" s="15" t="s">
        <v>46</v>
      </c>
      <c r="Z12" s="15">
        <v>3</v>
      </c>
      <c r="AA12" s="15">
        <v>15</v>
      </c>
      <c r="AB12" s="15" t="s">
        <v>46</v>
      </c>
      <c r="AC12" s="15" t="s">
        <v>46</v>
      </c>
      <c r="AD12" s="15" t="s">
        <v>46</v>
      </c>
      <c r="AE12" s="15">
        <v>1</v>
      </c>
      <c r="AF12" s="15" t="s">
        <v>46</v>
      </c>
      <c r="AG12" s="15" t="s">
        <v>46</v>
      </c>
      <c r="AH12" s="15" t="s">
        <v>46</v>
      </c>
      <c r="AI12" s="15" t="s">
        <v>46</v>
      </c>
      <c r="AJ12" s="15" t="s">
        <v>46</v>
      </c>
      <c r="AK12" s="15" t="s">
        <v>46</v>
      </c>
      <c r="AL12" s="15" t="s">
        <v>46</v>
      </c>
      <c r="AM12" s="15" t="s">
        <v>46</v>
      </c>
      <c r="AN12" s="21" t="s">
        <v>46</v>
      </c>
      <c r="AO12" s="21" t="s">
        <v>46</v>
      </c>
    </row>
    <row r="13" spans="1:41">
      <c r="A13" s="5" t="s">
        <v>44</v>
      </c>
      <c r="B13" s="5"/>
    </row>
    <row r="14" spans="1:41">
      <c r="A14" s="5" t="s">
        <v>2</v>
      </c>
      <c r="B14" s="5"/>
    </row>
  </sheetData>
  <mergeCells count="42">
    <mergeCell ref="F2:F4"/>
    <mergeCell ref="A2:A4"/>
    <mergeCell ref="B2:B4"/>
    <mergeCell ref="C2:C4"/>
    <mergeCell ref="D2:D4"/>
    <mergeCell ref="E2:E4"/>
    <mergeCell ref="T3:T4"/>
    <mergeCell ref="U3:U4"/>
    <mergeCell ref="Z2:AO2"/>
    <mergeCell ref="G3:G4"/>
    <mergeCell ref="H3:H4"/>
    <mergeCell ref="I3:I4"/>
    <mergeCell ref="J3:J4"/>
    <mergeCell ref="K3:K4"/>
    <mergeCell ref="L3:L4"/>
    <mergeCell ref="M3:M4"/>
    <mergeCell ref="P3:P4"/>
    <mergeCell ref="O3:O4"/>
    <mergeCell ref="Q3:Q4"/>
    <mergeCell ref="R3:R4"/>
    <mergeCell ref="S3:S4"/>
    <mergeCell ref="N3:N4"/>
    <mergeCell ref="AH3:AH4"/>
    <mergeCell ref="V3:V4"/>
    <mergeCell ref="W3:W4"/>
    <mergeCell ref="X3:X4"/>
    <mergeCell ref="Z3:Z4"/>
    <mergeCell ref="AA3:AA4"/>
    <mergeCell ref="AB3:AB4"/>
    <mergeCell ref="Y3:Y4"/>
    <mergeCell ref="AC3:AC4"/>
    <mergeCell ref="AD3:AD4"/>
    <mergeCell ref="AE3:AE4"/>
    <mergeCell ref="AF3:AF4"/>
    <mergeCell ref="AG3:AG4"/>
    <mergeCell ref="AM3:AM4"/>
    <mergeCell ref="AN3:AN4"/>
    <mergeCell ref="AO3:AO4"/>
    <mergeCell ref="AI3:AI4"/>
    <mergeCell ref="AJ3:AJ4"/>
    <mergeCell ref="AK3:AK4"/>
    <mergeCell ref="AL3:AL4"/>
  </mergeCells>
  <phoneticPr fontId="2"/>
  <printOptions horizontalCentered="1"/>
  <pageMargins left="0.19685039370078741" right="0.19685039370078741" top="0.98425196850393704" bottom="0.98425196850393704" header="0.51181102362204722" footer="0.51181102362204722"/>
  <pageSetup paperSize="9" scale="86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-14</vt:lpstr>
      <vt:lpstr>'20-14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22082</dc:creator>
  <cp:lastModifiedBy>Administrator</cp:lastModifiedBy>
  <cp:lastPrinted>2021-02-06T03:38:27Z</cp:lastPrinted>
  <dcterms:created xsi:type="dcterms:W3CDTF">1997-01-08T22:48:59Z</dcterms:created>
  <dcterms:modified xsi:type="dcterms:W3CDTF">2021-02-06T03:38:32Z</dcterms:modified>
</cp:coreProperties>
</file>